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iFS0100\ファイル交換処理フォルダ$\OUT\1110_総務部・総務室・選管フォルダ\★オープンデータ\自治体標準オープンデータセット\R6年度\04_指定緊急避難場所一覧\"/>
    </mc:Choice>
  </mc:AlternateContent>
  <bookViews>
    <workbookView xWindow="22935" yWindow="-3645" windowWidth="23250" windowHeight="12570"/>
  </bookViews>
  <sheets>
    <sheet name="指定緊急避難場所一覧_フォーマット" sheetId="2" r:id="rId1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28" uniqueCount="263">
  <si>
    <t>全国地方公共団体コード</t>
  </si>
  <si>
    <t>ID</t>
  </si>
  <si>
    <t>名称</t>
  </si>
  <si>
    <t>名称_カナ</t>
  </si>
  <si>
    <t>名称_英字</t>
  </si>
  <si>
    <t>所在地_全国地方公共団体コード</t>
  </si>
  <si>
    <t>町字ID</t>
  </si>
  <si>
    <t>所在地_連結表記</t>
  </si>
  <si>
    <t>所在地_都道府県</t>
  </si>
  <si>
    <t>所在地_市区町村</t>
  </si>
  <si>
    <t>所在地_町字</t>
  </si>
  <si>
    <t>所在地_番地以下</t>
  </si>
  <si>
    <t>建物名等(方書)</t>
  </si>
  <si>
    <t>緯度</t>
  </si>
  <si>
    <t>経度</t>
  </si>
  <si>
    <t>標高</t>
  </si>
  <si>
    <t>電話番号</t>
  </si>
  <si>
    <t>内線番号</t>
  </si>
  <si>
    <t>連絡先メールアドレス</t>
  </si>
  <si>
    <t>連絡先FormURL</t>
  </si>
  <si>
    <t>連絡先備考（その他、SNSなど）</t>
  </si>
  <si>
    <t>郵便番号</t>
  </si>
  <si>
    <t>市区町村コード</t>
  </si>
  <si>
    <t>地方公共団体名</t>
  </si>
  <si>
    <t>災害種別_洪水</t>
  </si>
  <si>
    <t>災害種別_崖崩れ、土石流及び地滑り</t>
  </si>
  <si>
    <t>災害種別_高潮</t>
  </si>
  <si>
    <t>災害種別_地震</t>
  </si>
  <si>
    <t>災害種別_津波</t>
  </si>
  <si>
    <t>災害種別_大規模な火事</t>
  </si>
  <si>
    <t>災害種別_内水氾濫</t>
  </si>
  <si>
    <t>災害種別_火山現象</t>
  </si>
  <si>
    <t>指定避難所との重複</t>
  </si>
  <si>
    <t>想定収容人数</t>
  </si>
  <si>
    <t>対象となる町会・自治会</t>
  </si>
  <si>
    <t>URL</t>
  </si>
  <si>
    <t>画像</t>
  </si>
  <si>
    <t>画像_ライセンス</t>
  </si>
  <si>
    <t>備考</t>
  </si>
  <si>
    <t>松井ケ丘小学校</t>
    <rPh sb="0" eb="2">
      <t>マツイ</t>
    </rPh>
    <rPh sb="3" eb="4">
      <t>オカ</t>
    </rPh>
    <rPh sb="4" eb="7">
      <t>ショウガッコウ</t>
    </rPh>
    <phoneticPr fontId="1"/>
  </si>
  <si>
    <t>大住小学校</t>
    <rPh sb="0" eb="2">
      <t>オオスミ</t>
    </rPh>
    <rPh sb="2" eb="5">
      <t>ショウガッコウ</t>
    </rPh>
    <phoneticPr fontId="1"/>
  </si>
  <si>
    <t>桃園小学校</t>
    <rPh sb="0" eb="2">
      <t>トウエン</t>
    </rPh>
    <rPh sb="2" eb="5">
      <t>ショウガッコウ</t>
    </rPh>
    <phoneticPr fontId="1"/>
  </si>
  <si>
    <t>薪小学校</t>
    <rPh sb="0" eb="1">
      <t>タキギ</t>
    </rPh>
    <rPh sb="1" eb="4">
      <t>ショウガッコウ</t>
    </rPh>
    <phoneticPr fontId="1"/>
  </si>
  <si>
    <t>田辺小学校</t>
    <rPh sb="0" eb="2">
      <t>タナベ</t>
    </rPh>
    <rPh sb="2" eb="5">
      <t>ショウガッコウ</t>
    </rPh>
    <phoneticPr fontId="1"/>
  </si>
  <si>
    <t>田辺東小学校</t>
    <rPh sb="0" eb="2">
      <t>タナベ</t>
    </rPh>
    <rPh sb="2" eb="3">
      <t>ヒガシ</t>
    </rPh>
    <rPh sb="3" eb="6">
      <t>ショウガッコウ</t>
    </rPh>
    <phoneticPr fontId="1"/>
  </si>
  <si>
    <t>草内小学校</t>
    <rPh sb="0" eb="2">
      <t>クサウチ</t>
    </rPh>
    <rPh sb="2" eb="5">
      <t>ショウガッコウ</t>
    </rPh>
    <phoneticPr fontId="1"/>
  </si>
  <si>
    <t>三山木小学校</t>
    <rPh sb="0" eb="3">
      <t>ミヤマキ</t>
    </rPh>
    <rPh sb="3" eb="6">
      <t>ショウガッコウ</t>
    </rPh>
    <phoneticPr fontId="1"/>
  </si>
  <si>
    <t>普賢寺小学校</t>
    <rPh sb="0" eb="3">
      <t>フゲンジ</t>
    </rPh>
    <rPh sb="3" eb="6">
      <t>ショウガッコウ</t>
    </rPh>
    <phoneticPr fontId="1"/>
  </si>
  <si>
    <t>大住中学校</t>
    <rPh sb="0" eb="2">
      <t>オオスミ</t>
    </rPh>
    <rPh sb="2" eb="5">
      <t>チュウガッコウ</t>
    </rPh>
    <phoneticPr fontId="1"/>
  </si>
  <si>
    <t>田辺中学校</t>
    <rPh sb="0" eb="2">
      <t>タナベ</t>
    </rPh>
    <rPh sb="2" eb="5">
      <t>チュウガッコウ</t>
    </rPh>
    <phoneticPr fontId="1"/>
  </si>
  <si>
    <t>培良中学校</t>
    <rPh sb="0" eb="1">
      <t>バイ</t>
    </rPh>
    <rPh sb="1" eb="2">
      <t>リョウ</t>
    </rPh>
    <rPh sb="2" eb="5">
      <t>チュウガッコウ</t>
    </rPh>
    <phoneticPr fontId="1"/>
  </si>
  <si>
    <t>田辺高等学校</t>
    <rPh sb="0" eb="2">
      <t>タナベ</t>
    </rPh>
    <rPh sb="2" eb="4">
      <t>コウトウ</t>
    </rPh>
    <rPh sb="4" eb="6">
      <t>ガッコウ</t>
    </rPh>
    <phoneticPr fontId="1"/>
  </si>
  <si>
    <t>同志社国際高等学校</t>
    <rPh sb="0" eb="3">
      <t>ドウシシャ</t>
    </rPh>
    <rPh sb="3" eb="5">
      <t>コクサイ</t>
    </rPh>
    <rPh sb="5" eb="7">
      <t>コウトウ</t>
    </rPh>
    <rPh sb="7" eb="9">
      <t>ガッコウ</t>
    </rPh>
    <phoneticPr fontId="1"/>
  </si>
  <si>
    <t>同志社大学デイヴィス記念館・屋外運動場</t>
    <rPh sb="0" eb="3">
      <t>ドウシシャ</t>
    </rPh>
    <rPh sb="3" eb="5">
      <t>ダイガク</t>
    </rPh>
    <rPh sb="10" eb="13">
      <t>キネンカン</t>
    </rPh>
    <rPh sb="14" eb="16">
      <t>オクガイ</t>
    </rPh>
    <rPh sb="16" eb="19">
      <t>ウンドウジョウ</t>
    </rPh>
    <phoneticPr fontId="1"/>
  </si>
  <si>
    <t>薪幼稚園</t>
    <rPh sb="0" eb="1">
      <t>タキギ</t>
    </rPh>
    <rPh sb="1" eb="4">
      <t>ヨウチエン</t>
    </rPh>
    <phoneticPr fontId="1"/>
  </si>
  <si>
    <t>草内幼稚園</t>
    <rPh sb="0" eb="2">
      <t>クサウチ</t>
    </rPh>
    <rPh sb="2" eb="5">
      <t>ヨウチエン</t>
    </rPh>
    <phoneticPr fontId="1"/>
  </si>
  <si>
    <t>三山木幼稚園</t>
    <rPh sb="0" eb="3">
      <t>ミヤマキ</t>
    </rPh>
    <rPh sb="3" eb="6">
      <t>ヨウチエン</t>
    </rPh>
    <phoneticPr fontId="1"/>
  </si>
  <si>
    <t>普賢寺幼稚園</t>
    <rPh sb="0" eb="3">
      <t>フゲンジ</t>
    </rPh>
    <rPh sb="3" eb="6">
      <t>ヨウチエン</t>
    </rPh>
    <phoneticPr fontId="1"/>
  </si>
  <si>
    <t>262111</t>
  </si>
  <si>
    <t>262111</t>
    <phoneticPr fontId="1"/>
  </si>
  <si>
    <t>京都府</t>
    <rPh sb="0" eb="3">
      <t>キョウトフ</t>
    </rPh>
    <phoneticPr fontId="1"/>
  </si>
  <si>
    <t>京田辺市</t>
    <rPh sb="0" eb="4">
      <t>キョウタナベシ</t>
    </rPh>
    <phoneticPr fontId="1"/>
  </si>
  <si>
    <t>262111</t>
    <phoneticPr fontId="1"/>
  </si>
  <si>
    <t>京都府京田辺市</t>
    <rPh sb="0" eb="3">
      <t>キョウトフ</t>
    </rPh>
    <rPh sb="3" eb="7">
      <t>キョウタナベシ</t>
    </rPh>
    <phoneticPr fontId="1"/>
  </si>
  <si>
    <t>262111</t>
    <phoneticPr fontId="1"/>
  </si>
  <si>
    <t>262111</t>
    <phoneticPr fontId="1"/>
  </si>
  <si>
    <t>マツイガオカショウガッコウ</t>
    <phoneticPr fontId="1"/>
  </si>
  <si>
    <t>オオスミショウガッコウ</t>
    <phoneticPr fontId="1"/>
  </si>
  <si>
    <t>トウエンショウガッコウ</t>
    <phoneticPr fontId="1"/>
  </si>
  <si>
    <t>タキギショウガッコウ</t>
    <phoneticPr fontId="1"/>
  </si>
  <si>
    <t>タナベショウガッコウ</t>
    <phoneticPr fontId="1"/>
  </si>
  <si>
    <t>タナベヒガシショウガッコウ</t>
    <phoneticPr fontId="1"/>
  </si>
  <si>
    <t>クサウチショウガッコウ</t>
    <phoneticPr fontId="1"/>
  </si>
  <si>
    <t>ミヤマキショウガッコウ</t>
    <phoneticPr fontId="1"/>
  </si>
  <si>
    <t>フゲンジショウガッコウ</t>
    <phoneticPr fontId="1"/>
  </si>
  <si>
    <t>オオスミチュウガッコウ</t>
    <phoneticPr fontId="1"/>
  </si>
  <si>
    <t>タナベチュウガッコウ</t>
    <phoneticPr fontId="1"/>
  </si>
  <si>
    <t>バイリョウチュウガッコウ</t>
    <phoneticPr fontId="1"/>
  </si>
  <si>
    <t>タナベコウトウガッコウ</t>
    <phoneticPr fontId="1"/>
  </si>
  <si>
    <t>ドウシシャコクサイコウトウガッコウ</t>
    <phoneticPr fontId="1"/>
  </si>
  <si>
    <t>ドウシシャダイガクデイヴィスキネンカン・オクガイウンドウジョウ</t>
    <phoneticPr fontId="1"/>
  </si>
  <si>
    <t>タキギヨウチエン</t>
    <phoneticPr fontId="1"/>
  </si>
  <si>
    <t>クサウチヨウチエン</t>
    <phoneticPr fontId="1"/>
  </si>
  <si>
    <t>ミヤマキヨウチエン</t>
    <phoneticPr fontId="1"/>
  </si>
  <si>
    <t>フゲンジヨウチエン</t>
    <phoneticPr fontId="1"/>
  </si>
  <si>
    <t>Matsuigaoka Elementary School</t>
  </si>
  <si>
    <t>Osumi Elementary School</t>
  </si>
  <si>
    <t>Takigi Elementary School</t>
  </si>
  <si>
    <t>Tanabe Elementary School</t>
  </si>
  <si>
    <t>Tanabehigashi Elementary School</t>
  </si>
  <si>
    <t>Kusauchi Elementary School</t>
  </si>
  <si>
    <t>Fugenji Elementary School</t>
  </si>
  <si>
    <t>Osumi Junior High School</t>
  </si>
  <si>
    <t>Tanabe Junior High School</t>
  </si>
  <si>
    <t>Bairyo Junior High School</t>
  </si>
  <si>
    <t>Takigi Kindergarten</t>
  </si>
  <si>
    <t>Fugenji Kindergarten</t>
  </si>
  <si>
    <t>Touen Elementary School</t>
    <phoneticPr fontId="1"/>
  </si>
  <si>
    <t>Tanabe High School</t>
    <phoneticPr fontId="1"/>
  </si>
  <si>
    <t>Doshisha International  High School</t>
    <phoneticPr fontId="1"/>
  </si>
  <si>
    <t>Doshisha University Davis Memorial Auditorium・Ground</t>
    <phoneticPr fontId="1"/>
  </si>
  <si>
    <t>大住上西野</t>
    <rPh sb="0" eb="2">
      <t>オオスミ</t>
    </rPh>
    <rPh sb="2" eb="3">
      <t>ウエ</t>
    </rPh>
    <rPh sb="3" eb="4">
      <t>ニシ</t>
    </rPh>
    <rPh sb="4" eb="5">
      <t>ノ</t>
    </rPh>
    <phoneticPr fontId="1"/>
  </si>
  <si>
    <t>大住池平</t>
    <rPh sb="0" eb="2">
      <t>オオスミ</t>
    </rPh>
    <rPh sb="2" eb="4">
      <t>イケヒラ</t>
    </rPh>
    <phoneticPr fontId="1"/>
  </si>
  <si>
    <t>大住沖ノ谷</t>
    <rPh sb="0" eb="2">
      <t>オオスミ</t>
    </rPh>
    <rPh sb="2" eb="3">
      <t>オキ</t>
    </rPh>
    <rPh sb="4" eb="5">
      <t>タニ</t>
    </rPh>
    <phoneticPr fontId="1"/>
  </si>
  <si>
    <t>薪堀切谷</t>
    <rPh sb="0" eb="1">
      <t>タキギ</t>
    </rPh>
    <rPh sb="1" eb="3">
      <t>ホリキリ</t>
    </rPh>
    <rPh sb="3" eb="4">
      <t>タニ</t>
    </rPh>
    <phoneticPr fontId="1"/>
  </si>
  <si>
    <t>田辺鳥本</t>
    <rPh sb="0" eb="2">
      <t>タナベ</t>
    </rPh>
    <rPh sb="2" eb="3">
      <t>トリ</t>
    </rPh>
    <rPh sb="3" eb="4">
      <t>モト</t>
    </rPh>
    <phoneticPr fontId="1"/>
  </si>
  <si>
    <t>東西ノ口</t>
    <rPh sb="0" eb="2">
      <t>トウザイ</t>
    </rPh>
    <rPh sb="3" eb="4">
      <t>クチ</t>
    </rPh>
    <phoneticPr fontId="1"/>
  </si>
  <si>
    <t>草内南垣内</t>
    <rPh sb="0" eb="2">
      <t>クサウチ</t>
    </rPh>
    <rPh sb="2" eb="3">
      <t>ミナミ</t>
    </rPh>
    <rPh sb="3" eb="4">
      <t>ガキ</t>
    </rPh>
    <rPh sb="4" eb="5">
      <t>ウチ</t>
    </rPh>
    <phoneticPr fontId="1"/>
  </si>
  <si>
    <t>宮津宮ノ下</t>
    <rPh sb="0" eb="2">
      <t>ミヤヅ</t>
    </rPh>
    <rPh sb="2" eb="3">
      <t>ミヤ</t>
    </rPh>
    <rPh sb="4" eb="5">
      <t>シタ</t>
    </rPh>
    <phoneticPr fontId="1"/>
  </si>
  <si>
    <t>水取門田</t>
    <rPh sb="0" eb="2">
      <t>ミズトリ</t>
    </rPh>
    <rPh sb="2" eb="3">
      <t>モン</t>
    </rPh>
    <rPh sb="3" eb="4">
      <t>タ</t>
    </rPh>
    <phoneticPr fontId="1"/>
  </si>
  <si>
    <t>興戸北鉾立</t>
    <rPh sb="0" eb="2">
      <t>コウド</t>
    </rPh>
    <rPh sb="2" eb="3">
      <t>キタ</t>
    </rPh>
    <rPh sb="3" eb="4">
      <t>ホコ</t>
    </rPh>
    <rPh sb="4" eb="5">
      <t>タ</t>
    </rPh>
    <phoneticPr fontId="1"/>
  </si>
  <si>
    <t>東七反割</t>
    <rPh sb="0" eb="1">
      <t>ヒガシ</t>
    </rPh>
    <rPh sb="1" eb="2">
      <t>ナナ</t>
    </rPh>
    <rPh sb="2" eb="3">
      <t>ハン</t>
    </rPh>
    <rPh sb="3" eb="4">
      <t>ワリ</t>
    </rPh>
    <phoneticPr fontId="1"/>
  </si>
  <si>
    <t>河原神谷</t>
    <rPh sb="0" eb="2">
      <t>カワラ</t>
    </rPh>
    <rPh sb="2" eb="4">
      <t>カミタニ</t>
    </rPh>
    <phoneticPr fontId="1"/>
  </si>
  <si>
    <t>多々羅都谷</t>
    <rPh sb="0" eb="3">
      <t>タタラ</t>
    </rPh>
    <rPh sb="3" eb="4">
      <t>ミヤコ</t>
    </rPh>
    <rPh sb="4" eb="5">
      <t>タニ</t>
    </rPh>
    <phoneticPr fontId="1"/>
  </si>
  <si>
    <t>薪大欠</t>
    <rPh sb="0" eb="1">
      <t>タキギ</t>
    </rPh>
    <rPh sb="1" eb="2">
      <t>オオ</t>
    </rPh>
    <rPh sb="2" eb="3">
      <t>ケツ</t>
    </rPh>
    <phoneticPr fontId="1"/>
  </si>
  <si>
    <t>三山木南垣内</t>
    <rPh sb="0" eb="3">
      <t>ミヤマキ</t>
    </rPh>
    <rPh sb="3" eb="4">
      <t>ミナミ</t>
    </rPh>
    <rPh sb="4" eb="5">
      <t>ガキ</t>
    </rPh>
    <rPh sb="5" eb="6">
      <t>ウチ</t>
    </rPh>
    <phoneticPr fontId="1"/>
  </si>
  <si>
    <t>1</t>
    <phoneticPr fontId="1"/>
  </si>
  <si>
    <t>3</t>
    <phoneticPr fontId="1"/>
  </si>
  <si>
    <t>57-1</t>
    <phoneticPr fontId="1"/>
  </si>
  <si>
    <t>4-1</t>
    <phoneticPr fontId="1"/>
  </si>
  <si>
    <t>6-3</t>
    <phoneticPr fontId="1"/>
  </si>
  <si>
    <t>62-8888</t>
    <phoneticPr fontId="1"/>
  </si>
  <si>
    <t>62-0046</t>
    <phoneticPr fontId="1"/>
  </si>
  <si>
    <t>63-6335</t>
    <phoneticPr fontId="1"/>
  </si>
  <si>
    <t>63-2000</t>
    <phoneticPr fontId="1"/>
  </si>
  <si>
    <t>62-0044</t>
    <phoneticPr fontId="1"/>
  </si>
  <si>
    <t>62-4348</t>
    <phoneticPr fontId="1"/>
  </si>
  <si>
    <t>62-0054</t>
    <phoneticPr fontId="1"/>
  </si>
  <si>
    <t>62-1055</t>
    <phoneticPr fontId="1"/>
  </si>
  <si>
    <t>65-0053</t>
    <phoneticPr fontId="1"/>
  </si>
  <si>
    <t>62-8889</t>
    <phoneticPr fontId="1"/>
  </si>
  <si>
    <t>62-0021</t>
    <phoneticPr fontId="1"/>
  </si>
  <si>
    <t>62-9363</t>
    <phoneticPr fontId="1"/>
  </si>
  <si>
    <t>62-0572</t>
    <phoneticPr fontId="1"/>
  </si>
  <si>
    <t>65-8911</t>
    <phoneticPr fontId="1"/>
  </si>
  <si>
    <t>-</t>
    <phoneticPr fontId="1"/>
  </si>
  <si>
    <t>63-1911</t>
    <phoneticPr fontId="1"/>
  </si>
  <si>
    <t>62-7000</t>
    <phoneticPr fontId="1"/>
  </si>
  <si>
    <t>63-0077</t>
    <phoneticPr fontId="1"/>
  </si>
  <si>
    <t>65-011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1</t>
    <phoneticPr fontId="1"/>
  </si>
  <si>
    <t>34.83517</t>
    <phoneticPr fontId="1"/>
  </si>
  <si>
    <t>135.74158</t>
    <phoneticPr fontId="1"/>
  </si>
  <si>
    <t>34.81780</t>
    <phoneticPr fontId="1"/>
  </si>
  <si>
    <t>135.77491</t>
    <phoneticPr fontId="1"/>
  </si>
  <si>
    <t>34.82097</t>
    <phoneticPr fontId="1"/>
  </si>
  <si>
    <t>135.78401</t>
    <phoneticPr fontId="1"/>
  </si>
  <si>
    <t>34.82090</t>
    <phoneticPr fontId="1"/>
  </si>
  <si>
    <t>135.77717</t>
    <phoneticPr fontId="1"/>
  </si>
  <si>
    <t>34.80185</t>
    <phoneticPr fontId="1"/>
  </si>
  <si>
    <t>135.77350</t>
    <phoneticPr fontId="1"/>
  </si>
  <si>
    <t>34.79942</t>
    <phoneticPr fontId="1"/>
  </si>
  <si>
    <t>135.76468</t>
    <phoneticPr fontId="1"/>
  </si>
  <si>
    <t>34.82134</t>
    <phoneticPr fontId="1"/>
  </si>
  <si>
    <t>135.75419</t>
    <phoneticPr fontId="1"/>
  </si>
  <si>
    <t>34.81105</t>
    <phoneticPr fontId="1"/>
  </si>
  <si>
    <t>135.78638</t>
    <phoneticPr fontId="1"/>
  </si>
  <si>
    <t>34.79532</t>
    <phoneticPr fontId="1"/>
  </si>
  <si>
    <t>135.78561</t>
    <phoneticPr fontId="1"/>
  </si>
  <si>
    <t>34.78313</t>
    <phoneticPr fontId="1"/>
  </si>
  <si>
    <t>135.75207</t>
    <phoneticPr fontId="1"/>
  </si>
  <si>
    <t>34.83655</t>
    <phoneticPr fontId="1"/>
  </si>
  <si>
    <t>135.73538</t>
    <phoneticPr fontId="1"/>
  </si>
  <si>
    <t>34.83760</t>
    <phoneticPr fontId="1"/>
  </si>
  <si>
    <t>135.74171</t>
    <phoneticPr fontId="1"/>
  </si>
  <si>
    <t>34.82575</t>
    <phoneticPr fontId="1"/>
  </si>
  <si>
    <t>135.74548</t>
    <phoneticPr fontId="1"/>
  </si>
  <si>
    <t>34.81990</t>
    <phoneticPr fontId="1"/>
  </si>
  <si>
    <t>135.75407</t>
    <phoneticPr fontId="1"/>
  </si>
  <si>
    <t>34.81753</t>
    <phoneticPr fontId="1"/>
  </si>
  <si>
    <t>13577010</t>
    <phoneticPr fontId="1"/>
  </si>
  <si>
    <t>34.82678</t>
    <phoneticPr fontId="1"/>
  </si>
  <si>
    <t>135.77849</t>
    <phoneticPr fontId="1"/>
  </si>
  <si>
    <t>34.79432</t>
    <phoneticPr fontId="1"/>
  </si>
  <si>
    <t>135.78491</t>
    <phoneticPr fontId="1"/>
  </si>
  <si>
    <t>34.78264</t>
    <phoneticPr fontId="1"/>
  </si>
  <si>
    <t>135.75247</t>
    <phoneticPr fontId="1"/>
  </si>
  <si>
    <t>262111</t>
    <phoneticPr fontId="1"/>
  </si>
  <si>
    <t>18-2</t>
    <phoneticPr fontId="1"/>
  </si>
  <si>
    <t>京都府京田辺市大住上西野18-2</t>
    <rPh sb="0" eb="3">
      <t>キョウトフ</t>
    </rPh>
    <rPh sb="3" eb="7">
      <t>キョウタナベシ</t>
    </rPh>
    <phoneticPr fontId="1"/>
  </si>
  <si>
    <t>88</t>
    <phoneticPr fontId="1"/>
  </si>
  <si>
    <t>京都府京田辺市大住池平88</t>
    <rPh sb="0" eb="3">
      <t>キョウトフ</t>
    </rPh>
    <rPh sb="3" eb="7">
      <t>キョウタナベシ</t>
    </rPh>
    <phoneticPr fontId="1"/>
  </si>
  <si>
    <t>12-1</t>
    <phoneticPr fontId="1"/>
  </si>
  <si>
    <t>1</t>
    <phoneticPr fontId="1"/>
  </si>
  <si>
    <t>京都府京田辺市薪堀切谷1</t>
    <rPh sb="0" eb="3">
      <t>キョウトフ</t>
    </rPh>
    <rPh sb="3" eb="7">
      <t>キョウタナベシ</t>
    </rPh>
    <phoneticPr fontId="1"/>
  </si>
  <si>
    <t>102</t>
    <phoneticPr fontId="1"/>
  </si>
  <si>
    <t>京都府京田辺市田辺鳥本102</t>
    <rPh sb="0" eb="3">
      <t>キョウトフ</t>
    </rPh>
    <rPh sb="3" eb="7">
      <t>キョウタナベシ</t>
    </rPh>
    <phoneticPr fontId="1"/>
  </si>
  <si>
    <t>60-2</t>
    <phoneticPr fontId="1"/>
  </si>
  <si>
    <t>京都府京田辺市東西ノ口60-2</t>
    <rPh sb="0" eb="3">
      <t>キョウトフ</t>
    </rPh>
    <rPh sb="3" eb="7">
      <t>キョウタナベシ</t>
    </rPh>
    <phoneticPr fontId="1"/>
  </si>
  <si>
    <t>53</t>
    <phoneticPr fontId="1"/>
  </si>
  <si>
    <t>京都府京田辺市草内南垣内53</t>
    <rPh sb="0" eb="3">
      <t>キョウトフ</t>
    </rPh>
    <rPh sb="3" eb="7">
      <t>キョウタナベシ</t>
    </rPh>
    <phoneticPr fontId="1"/>
  </si>
  <si>
    <t>4-3</t>
    <phoneticPr fontId="1"/>
  </si>
  <si>
    <t>京都府京田辺市宮津宮ノ下4-3</t>
    <rPh sb="0" eb="3">
      <t>キョウトフ</t>
    </rPh>
    <rPh sb="3" eb="7">
      <t>キョウタナベシ</t>
    </rPh>
    <phoneticPr fontId="1"/>
  </si>
  <si>
    <t>6-1</t>
    <phoneticPr fontId="1"/>
  </si>
  <si>
    <t>京都府京田辺市水取門田6-1</t>
    <rPh sb="0" eb="3">
      <t>キョウトフ</t>
    </rPh>
    <rPh sb="3" eb="7">
      <t>キョウタナベシ</t>
    </rPh>
    <phoneticPr fontId="1"/>
  </si>
  <si>
    <t>2</t>
    <phoneticPr fontId="1"/>
  </si>
  <si>
    <t>京都府京田辺市大住池平2</t>
    <rPh sb="0" eb="3">
      <t>キョウトフ</t>
    </rPh>
    <rPh sb="3" eb="7">
      <t>キョウタナベシ</t>
    </rPh>
    <phoneticPr fontId="1"/>
  </si>
  <si>
    <t>21</t>
    <phoneticPr fontId="1"/>
  </si>
  <si>
    <t>京都府京田辺市興戸北鉾立21</t>
    <rPh sb="0" eb="3">
      <t>キョウトフ</t>
    </rPh>
    <rPh sb="3" eb="7">
      <t>キョウタナベシ</t>
    </rPh>
    <phoneticPr fontId="1"/>
  </si>
  <si>
    <t>京都府京田辺市東七反割3</t>
    <rPh sb="0" eb="3">
      <t>キョウトフ</t>
    </rPh>
    <rPh sb="3" eb="7">
      <t>キョウタナベシ</t>
    </rPh>
    <phoneticPr fontId="1"/>
  </si>
  <si>
    <t>24</t>
    <phoneticPr fontId="1"/>
  </si>
  <si>
    <t>京都府京田辺市河原神谷24</t>
    <rPh sb="0" eb="3">
      <t>キョウトフ</t>
    </rPh>
    <rPh sb="3" eb="7">
      <t>キョウタナベシ</t>
    </rPh>
    <phoneticPr fontId="1"/>
  </si>
  <si>
    <t>60</t>
    <phoneticPr fontId="1"/>
  </si>
  <si>
    <t>京都府京田辺市多々羅都谷60</t>
    <rPh sb="0" eb="3">
      <t>キョウトフ</t>
    </rPh>
    <rPh sb="3" eb="7">
      <t>キョウタナベシ</t>
    </rPh>
    <phoneticPr fontId="1"/>
  </si>
  <si>
    <t>1-3</t>
    <phoneticPr fontId="1"/>
  </si>
  <si>
    <t>京都府京田辺市多々羅都谷1-3</t>
    <rPh sb="0" eb="3">
      <t>キョウトフ</t>
    </rPh>
    <rPh sb="3" eb="7">
      <t>キョウタナベシ</t>
    </rPh>
    <phoneticPr fontId="1"/>
  </si>
  <si>
    <t>51</t>
    <phoneticPr fontId="1"/>
  </si>
  <si>
    <t>京都府京田辺市薪大欠51</t>
    <rPh sb="0" eb="3">
      <t>キョウトフ</t>
    </rPh>
    <rPh sb="3" eb="7">
      <t>キョウタナベシ</t>
    </rPh>
    <phoneticPr fontId="1"/>
  </si>
  <si>
    <t>京都府京田辺市草内南垣内57-1</t>
    <rPh sb="0" eb="3">
      <t>キョウトフ</t>
    </rPh>
    <rPh sb="3" eb="7">
      <t>キョウタナベシ</t>
    </rPh>
    <phoneticPr fontId="1"/>
  </si>
  <si>
    <t>京都府京田辺市三山木南垣内4-1</t>
    <rPh sb="0" eb="3">
      <t>キョウトフ</t>
    </rPh>
    <rPh sb="3" eb="7">
      <t>キョウタナベシ</t>
    </rPh>
    <phoneticPr fontId="1"/>
  </si>
  <si>
    <t>京都府京田辺市水取門田6-3</t>
    <rPh sb="0" eb="3">
      <t>キョウトフ</t>
    </rPh>
    <rPh sb="3" eb="7">
      <t>キョウタナベシ</t>
    </rPh>
    <phoneticPr fontId="1"/>
  </si>
  <si>
    <t>84人（3平方メートルあたり1人）</t>
    <phoneticPr fontId="1"/>
  </si>
  <si>
    <t>101人（3平方メートルあたり1人）</t>
    <phoneticPr fontId="1"/>
  </si>
  <si>
    <t>76人（3平方メートルあたり1人）</t>
    <phoneticPr fontId="1"/>
  </si>
  <si>
    <t>54人（3平方メートルあたり1人）</t>
    <phoneticPr fontId="1"/>
  </si>
  <si>
    <t>262111</t>
    <phoneticPr fontId="1"/>
  </si>
  <si>
    <t>Kusauchi Kindergarten</t>
    <phoneticPr fontId="1"/>
  </si>
  <si>
    <t>Miyamaki Kindergarten</t>
    <phoneticPr fontId="1"/>
  </si>
  <si>
    <t>Miyamaki Elementary School</t>
    <phoneticPr fontId="1"/>
  </si>
  <si>
    <t>2,412人（3平方メートルあたり1人）</t>
    <rPh sb="5" eb="6">
      <t>ヒト</t>
    </rPh>
    <rPh sb="8" eb="10">
      <t>ヘイホウ</t>
    </rPh>
    <rPh sb="18" eb="19">
      <t>ニン</t>
    </rPh>
    <phoneticPr fontId="1"/>
  </si>
  <si>
    <t>2,554人（3平方メートルあたり1人）</t>
    <phoneticPr fontId="1"/>
  </si>
  <si>
    <t>2,440人（3平方メートルあたり1人）</t>
    <phoneticPr fontId="1"/>
  </si>
  <si>
    <t>2,760人（3平方メートルあたり1人）</t>
    <phoneticPr fontId="1"/>
  </si>
  <si>
    <t>2,436人（3平方メートルあたり1人）</t>
    <phoneticPr fontId="1"/>
  </si>
  <si>
    <t>2,940人（3平方メートルあたり1人）</t>
    <phoneticPr fontId="1"/>
  </si>
  <si>
    <t>2,408人（3平方メートルあたり1人）</t>
    <phoneticPr fontId="1"/>
  </si>
  <si>
    <t>2,927人（3平方メートルあたり1人）</t>
    <phoneticPr fontId="1"/>
  </si>
  <si>
    <t>1,470人（3平方メートルあたり1人）</t>
    <phoneticPr fontId="1"/>
  </si>
  <si>
    <t>4,047人（3平方メートルあたり1人）</t>
    <phoneticPr fontId="1"/>
  </si>
  <si>
    <t>5,504人（3平方メートルあたり1人）</t>
    <phoneticPr fontId="1"/>
  </si>
  <si>
    <t>3,980人（3平方メートルあたり1人）</t>
    <phoneticPr fontId="1"/>
  </si>
  <si>
    <t>7,104人（3平方メートルあたり1人）</t>
    <phoneticPr fontId="1"/>
  </si>
  <si>
    <t>5,793人（3平方メートルあたり1人）</t>
    <phoneticPr fontId="1"/>
  </si>
  <si>
    <t>64,744人（3平方メートルあたり1人）</t>
    <phoneticPr fontId="1"/>
  </si>
  <si>
    <t>（震災時）松井ケ丘、山手東、山手西、山手南
（風水害時等）松井ケ丘、山手東、山手西、山手南、松井</t>
    <rPh sb="1" eb="3">
      <t>シンサイ</t>
    </rPh>
    <rPh sb="3" eb="4">
      <t>ジ</t>
    </rPh>
    <rPh sb="5" eb="7">
      <t>マツイ</t>
    </rPh>
    <rPh sb="8" eb="9">
      <t>オカ</t>
    </rPh>
    <rPh sb="10" eb="12">
      <t>ヤマテ</t>
    </rPh>
    <rPh sb="12" eb="13">
      <t>ヒガシ</t>
    </rPh>
    <rPh sb="14" eb="16">
      <t>ヤマテ</t>
    </rPh>
    <rPh sb="16" eb="17">
      <t>ニシ</t>
    </rPh>
    <rPh sb="18" eb="20">
      <t>ヤマテ</t>
    </rPh>
    <rPh sb="20" eb="21">
      <t>ミナミ</t>
    </rPh>
    <rPh sb="23" eb="24">
      <t>カゼ</t>
    </rPh>
    <rPh sb="24" eb="26">
      <t>スイガイ</t>
    </rPh>
    <rPh sb="26" eb="27">
      <t>ジ</t>
    </rPh>
    <rPh sb="27" eb="28">
      <t>ナド</t>
    </rPh>
    <rPh sb="46" eb="48">
      <t>マツイ</t>
    </rPh>
    <phoneticPr fontId="1"/>
  </si>
  <si>
    <t>（震災時）松井、西八、東林、岡村、三野
（風水害時等）西八、東林</t>
    <rPh sb="1" eb="3">
      <t>シンサイ</t>
    </rPh>
    <rPh sb="3" eb="4">
      <t>ジ</t>
    </rPh>
    <rPh sb="5" eb="7">
      <t>マツイ</t>
    </rPh>
    <rPh sb="8" eb="9">
      <t>ニシ</t>
    </rPh>
    <rPh sb="9" eb="10">
      <t>ハチ</t>
    </rPh>
    <rPh sb="11" eb="12">
      <t>ヒガシ</t>
    </rPh>
    <rPh sb="12" eb="13">
      <t>ハヤシ</t>
    </rPh>
    <rPh sb="14" eb="16">
      <t>オカムラ</t>
    </rPh>
    <rPh sb="17" eb="18">
      <t>サン</t>
    </rPh>
    <rPh sb="21" eb="24">
      <t>フウスイガイ</t>
    </rPh>
    <rPh sb="24" eb="25">
      <t>ジ</t>
    </rPh>
    <rPh sb="25" eb="26">
      <t>ナド</t>
    </rPh>
    <phoneticPr fontId="1"/>
  </si>
  <si>
    <t>（震災時）健康ケ丘、健康村
（風水害時等）健康ケ丘、健康村、岡村、三野</t>
    <rPh sb="1" eb="3">
      <t>シンサイ</t>
    </rPh>
    <rPh sb="3" eb="4">
      <t>ジ</t>
    </rPh>
    <rPh sb="5" eb="7">
      <t>ケンコウ</t>
    </rPh>
    <rPh sb="8" eb="9">
      <t>オカ</t>
    </rPh>
    <rPh sb="10" eb="12">
      <t>ケンコウ</t>
    </rPh>
    <rPh sb="12" eb="13">
      <t>ムラ</t>
    </rPh>
    <rPh sb="15" eb="18">
      <t>フウスイガイ</t>
    </rPh>
    <rPh sb="18" eb="19">
      <t>ジ</t>
    </rPh>
    <rPh sb="19" eb="20">
      <t>ナド</t>
    </rPh>
    <rPh sb="30" eb="32">
      <t>オカムラ</t>
    </rPh>
    <rPh sb="33" eb="34">
      <t>サン</t>
    </rPh>
    <rPh sb="34" eb="35">
      <t>ノ</t>
    </rPh>
    <phoneticPr fontId="1"/>
  </si>
  <si>
    <t>（震災時）薪、一休ケ丘
（風水害時等）薪、一休ケ丘</t>
    <rPh sb="1" eb="3">
      <t>シンサイ</t>
    </rPh>
    <rPh sb="3" eb="4">
      <t>ジ</t>
    </rPh>
    <rPh sb="5" eb="6">
      <t>タキギ</t>
    </rPh>
    <rPh sb="7" eb="9">
      <t>イッキュウ</t>
    </rPh>
    <rPh sb="10" eb="11">
      <t>オカ</t>
    </rPh>
    <rPh sb="13" eb="16">
      <t>フウスイガイ</t>
    </rPh>
    <rPh sb="16" eb="17">
      <t>ジ</t>
    </rPh>
    <rPh sb="17" eb="18">
      <t>ナド</t>
    </rPh>
    <phoneticPr fontId="1"/>
  </si>
  <si>
    <t>（震災時）田辺、西住宅
（風水害時等）東住宅、西住宅、府営田辺団地、浜新田、田辺、河原</t>
    <rPh sb="1" eb="3">
      <t>シンサイ</t>
    </rPh>
    <rPh sb="3" eb="4">
      <t>ジ</t>
    </rPh>
    <rPh sb="5" eb="7">
      <t>タナベ</t>
    </rPh>
    <rPh sb="8" eb="9">
      <t>ニシ</t>
    </rPh>
    <rPh sb="9" eb="11">
      <t>ジュウタク</t>
    </rPh>
    <rPh sb="13" eb="16">
      <t>フウスイガイ</t>
    </rPh>
    <rPh sb="16" eb="17">
      <t>ジ</t>
    </rPh>
    <rPh sb="17" eb="18">
      <t>ナド</t>
    </rPh>
    <rPh sb="19" eb="20">
      <t>ヒガシ</t>
    </rPh>
    <rPh sb="20" eb="22">
      <t>ジュウタク</t>
    </rPh>
    <rPh sb="23" eb="24">
      <t>ニシ</t>
    </rPh>
    <rPh sb="24" eb="26">
      <t>ジュウタク</t>
    </rPh>
    <rPh sb="38" eb="40">
      <t>タナベ</t>
    </rPh>
    <rPh sb="41" eb="43">
      <t>カワラ</t>
    </rPh>
    <phoneticPr fontId="1"/>
  </si>
  <si>
    <t>（震災時）府営田辺団地、浜新田
（風水害時等）－（浸水想定区域内）</t>
    <rPh sb="1" eb="3">
      <t>シンサイ</t>
    </rPh>
    <rPh sb="3" eb="4">
      <t>ジ</t>
    </rPh>
    <rPh sb="17" eb="20">
      <t>フウスイガイ</t>
    </rPh>
    <rPh sb="20" eb="21">
      <t>ジ</t>
    </rPh>
    <rPh sb="21" eb="22">
      <t>ナド</t>
    </rPh>
    <rPh sb="25" eb="27">
      <t>シンスイ</t>
    </rPh>
    <rPh sb="27" eb="29">
      <t>ソウテイ</t>
    </rPh>
    <rPh sb="29" eb="32">
      <t>クイキナイ</t>
    </rPh>
    <phoneticPr fontId="1"/>
  </si>
  <si>
    <t>（震災時）草内、飯岡、新興戸
（風水害時等）－（浸水想定区域内）</t>
    <rPh sb="1" eb="3">
      <t>シンサイ</t>
    </rPh>
    <rPh sb="3" eb="4">
      <t>ジ</t>
    </rPh>
    <phoneticPr fontId="1"/>
  </si>
  <si>
    <t>（震災時）山本、二又、山崎、出垣内、江津、宮ノ口
（風水害時等）飯岡、山本、二又、山崎、出垣内、江津、宮ノ口、南山東</t>
    <rPh sb="1" eb="3">
      <t>シンサイ</t>
    </rPh>
    <rPh sb="3" eb="4">
      <t>ジ</t>
    </rPh>
    <rPh sb="26" eb="31">
      <t>フウスイガイジナド</t>
    </rPh>
    <rPh sb="32" eb="34">
      <t>イノオカ</t>
    </rPh>
    <rPh sb="35" eb="37">
      <t>ヤマモト</t>
    </rPh>
    <rPh sb="55" eb="57">
      <t>ミナミヤマ</t>
    </rPh>
    <rPh sb="57" eb="58">
      <t>ヒガシ</t>
    </rPh>
    <phoneticPr fontId="1"/>
  </si>
  <si>
    <t>（震災時）大住ケ丘、花住坂
（風水害時等）大住ケ丘、花住坂</t>
    <rPh sb="1" eb="3">
      <t>シンサイ</t>
    </rPh>
    <rPh sb="3" eb="4">
      <t>ジ</t>
    </rPh>
    <rPh sb="15" eb="20">
      <t>フウスイガイジナド</t>
    </rPh>
    <phoneticPr fontId="1"/>
  </si>
  <si>
    <t>（震災時）興戸、田辺
（風水害時等）新興戸、東、草内</t>
    <rPh sb="1" eb="3">
      <t>シンサイ</t>
    </rPh>
    <rPh sb="3" eb="4">
      <t>ジ</t>
    </rPh>
    <rPh sb="8" eb="10">
      <t>タナベ</t>
    </rPh>
    <rPh sb="12" eb="17">
      <t>フウスイガイジナド</t>
    </rPh>
    <rPh sb="18" eb="19">
      <t>アタラ</t>
    </rPh>
    <rPh sb="20" eb="21">
      <t>ト</t>
    </rPh>
    <rPh sb="22" eb="23">
      <t>ヒガシ</t>
    </rPh>
    <rPh sb="24" eb="25">
      <t>クサ</t>
    </rPh>
    <rPh sb="25" eb="26">
      <t>ナイ</t>
    </rPh>
    <phoneticPr fontId="1"/>
  </si>
  <si>
    <t>（震災時）興戸、高木、同志社住宅、南山西、南山東、多々羅、同志社山手
（風水害時等）興戸、高木、同志社住宅、南山西、多々羅、同志社山手、普賢寺、水取、天王、高船、打田</t>
    <rPh sb="1" eb="3">
      <t>シンサイ</t>
    </rPh>
    <rPh sb="3" eb="4">
      <t>ジ</t>
    </rPh>
    <rPh sb="68" eb="71">
      <t>フゲンジ</t>
    </rPh>
    <rPh sb="72" eb="73">
      <t>ミズ</t>
    </rPh>
    <rPh sb="73" eb="74">
      <t>トリ</t>
    </rPh>
    <rPh sb="75" eb="77">
      <t>テンノウ</t>
    </rPh>
    <rPh sb="78" eb="79">
      <t>コウ</t>
    </rPh>
    <rPh sb="79" eb="80">
      <t>フネ</t>
    </rPh>
    <rPh sb="81" eb="83">
      <t>ウチダ</t>
    </rPh>
    <phoneticPr fontId="1"/>
  </si>
  <si>
    <t>（震災時）普賢寺、水取、天王、高船、打田
（風水害時等）－（浸水想定区域内）</t>
    <rPh sb="1" eb="3">
      <t>シンサイ</t>
    </rPh>
    <rPh sb="3" eb="4">
      <t>ジ</t>
    </rPh>
    <phoneticPr fontId="1"/>
  </si>
  <si>
    <t>（震災時）東、草内
（風水害時等）－（浸水想定区域内）</t>
    <rPh sb="1" eb="3">
      <t>シンサイ</t>
    </rPh>
    <rPh sb="3" eb="4">
      <t>ジ</t>
    </rPh>
    <phoneticPr fontId="1"/>
  </si>
  <si>
    <t>（震災時）東住宅、河原
（風水害時等）－（浸水想定区域内）</t>
    <rPh sb="1" eb="3">
      <t>シンサイ</t>
    </rPh>
    <rPh sb="3" eb="4">
      <t>ジ</t>
    </rPh>
    <phoneticPr fontId="1"/>
  </si>
  <si>
    <t>小中高等学校で対応できない場合、二次的な避難場所として想定</t>
    <rPh sb="0" eb="2">
      <t>コナカ</t>
    </rPh>
    <rPh sb="2" eb="4">
      <t>コウトウ</t>
    </rPh>
    <rPh sb="4" eb="6">
      <t>ガッコウ</t>
    </rPh>
    <rPh sb="7" eb="9">
      <t>タイオウ</t>
    </rPh>
    <rPh sb="13" eb="15">
      <t>バアイ</t>
    </rPh>
    <rPh sb="16" eb="19">
      <t>ニジテキ</t>
    </rPh>
    <rPh sb="20" eb="22">
      <t>ヒナン</t>
    </rPh>
    <rPh sb="22" eb="24">
      <t>バショ</t>
    </rPh>
    <rPh sb="27" eb="29">
      <t>ソウテイ</t>
    </rPh>
    <phoneticPr fontId="1"/>
  </si>
  <si>
    <t>（震災時のみ）小中高等学校で対応できない場合、二次的な避難場所として想定</t>
    <rPh sb="7" eb="9">
      <t>コナカ</t>
    </rPh>
    <rPh sb="9" eb="11">
      <t>コウトウ</t>
    </rPh>
    <rPh sb="11" eb="13">
      <t>ガッコウ</t>
    </rPh>
    <rPh sb="14" eb="16">
      <t>タイオウ</t>
    </rPh>
    <rPh sb="20" eb="22">
      <t>バアイ</t>
    </rPh>
    <rPh sb="23" eb="26">
      <t>ニジテキ</t>
    </rPh>
    <rPh sb="27" eb="29">
      <t>ヒナン</t>
    </rPh>
    <rPh sb="29" eb="31">
      <t>バショ</t>
    </rPh>
    <rPh sb="34" eb="36">
      <t>ソウテイ</t>
    </rPh>
    <phoneticPr fontId="1"/>
  </si>
  <si>
    <t>京都府京田辺市大住仲ノ谷12-1</t>
    <rPh sb="0" eb="3">
      <t>キョウトフ</t>
    </rPh>
    <rPh sb="3" eb="7">
      <t>キョウタナベシ</t>
    </rPh>
    <rPh sb="9" eb="10">
      <t>ナ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2"/>
      <color rgb="FF9C6500"/>
      <name val="游ゴシック"/>
      <family val="2"/>
      <charset val="128"/>
      <scheme val="minor"/>
    </font>
    <font>
      <sz val="11"/>
      <color rgb="FF040C28"/>
      <name val="游ゴシック"/>
      <family val="3"/>
      <charset val="128"/>
    </font>
    <font>
      <u/>
      <sz val="11"/>
      <color theme="10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5" tint="0.39997558519241921"/>
        <bgColor indexed="64"/>
      </patternFill>
    </fill>
    <fill>
      <patternFill patternType="solid">
        <fgColor rgb="FFFFEB9C"/>
      </patternFill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5">
    <xf numFmtId="0" fontId="0" fillId="0" borderId="0">
      <alignment vertical="center"/>
    </xf>
    <xf numFmtId="0" fontId="4" fillId="3" borderId="0" applyNumberFormat="0" applyBorder="0" applyAlignment="0" applyProtection="0"/>
    <xf numFmtId="0" fontId="3" fillId="0" borderId="0" applyNumberFormat="0" applyFill="0" applyBorder="0" applyAlignment="0" applyProtection="0">
      <alignment vertical="center"/>
    </xf>
    <xf numFmtId="0" fontId="2" fillId="0" borderId="0">
      <alignment vertical="center"/>
    </xf>
    <xf numFmtId="0" fontId="3" fillId="0" borderId="0" applyNumberForma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2" borderId="0" xfId="0" applyNumberFormat="1" applyFill="1">
      <alignment vertical="center"/>
    </xf>
    <xf numFmtId="49" fontId="0" fillId="4" borderId="0" xfId="0" applyNumberFormat="1" applyFill="1">
      <alignment vertical="center"/>
    </xf>
    <xf numFmtId="0" fontId="0" fillId="0" borderId="0" xfId="0" applyFill="1">
      <alignment vertical="center"/>
    </xf>
    <xf numFmtId="49" fontId="0" fillId="0" borderId="0" xfId="0" applyNumberFormat="1" applyFill="1">
      <alignment vertical="center"/>
    </xf>
    <xf numFmtId="49" fontId="3" fillId="0" borderId="0" xfId="4" applyNumberFormat="1">
      <alignment vertical="center"/>
    </xf>
    <xf numFmtId="49" fontId="0" fillId="4" borderId="0" xfId="0" applyNumberFormat="1" applyFill="1" applyBorder="1">
      <alignment vertical="center"/>
    </xf>
    <xf numFmtId="0" fontId="3" fillId="0" borderId="0" xfId="4" applyBorder="1" applyAlignment="1">
      <alignment horizontal="left" vertical="center" wrapText="1"/>
    </xf>
    <xf numFmtId="0" fontId="5" fillId="0" borderId="0" xfId="0" applyFont="1">
      <alignment vertical="center"/>
    </xf>
    <xf numFmtId="0" fontId="6" fillId="0" borderId="0" xfId="4" applyFont="1" applyBorder="1" applyAlignment="1">
      <alignment horizontal="left" vertical="center" wrapText="1"/>
    </xf>
    <xf numFmtId="49" fontId="6" fillId="0" borderId="0" xfId="4" applyNumberFormat="1" applyFont="1" applyFill="1">
      <alignment vertical="center"/>
    </xf>
    <xf numFmtId="49" fontId="6" fillId="0" borderId="0" xfId="4" applyNumberFormat="1" applyFont="1">
      <alignment vertical="center"/>
    </xf>
    <xf numFmtId="49" fontId="0" fillId="0" borderId="0" xfId="0" applyNumberFormat="1" applyAlignment="1">
      <alignment vertical="center" wrapText="1"/>
    </xf>
    <xf numFmtId="49" fontId="0" fillId="0" borderId="0" xfId="0" applyNumberFormat="1" applyFill="1" applyAlignment="1">
      <alignment vertical="center" wrapText="1"/>
    </xf>
  </cellXfs>
  <cellStyles count="5">
    <cellStyle name="どちらでもない 2" xfId="1"/>
    <cellStyle name="ハイパーリンク" xfId="4" builtinId="8"/>
    <cellStyle name="ハイパーリンク 2" xfId="2"/>
    <cellStyle name="標準" xfId="0" builtinId="0"/>
    <cellStyle name="標準 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21"/>
  <sheetViews>
    <sheetView tabSelected="1" zoomScale="75" zoomScaleNormal="75" workbookViewId="0">
      <selection activeCell="H5" sqref="H5"/>
    </sheetView>
  </sheetViews>
  <sheetFormatPr defaultRowHeight="18.75" x14ac:dyDescent="0.4"/>
  <cols>
    <col min="1" max="1" width="20.625" style="1" customWidth="1"/>
    <col min="2" max="2" width="7.375" style="1" customWidth="1"/>
    <col min="3" max="3" width="17.625" style="1" customWidth="1"/>
    <col min="4" max="4" width="6.125" style="1" customWidth="1"/>
    <col min="5" max="5" width="55" style="1" customWidth="1"/>
    <col min="6" max="6" width="15.875" style="1" customWidth="1"/>
    <col min="7" max="7" width="6.625" style="1" customWidth="1"/>
    <col min="8" max="8" width="39.5" style="1" customWidth="1"/>
    <col min="9" max="10" width="15.375" style="1" customWidth="1"/>
    <col min="11" max="11" width="12.125" style="1" customWidth="1"/>
    <col min="12" max="12" width="15.375" style="1" customWidth="1"/>
    <col min="13" max="13" width="13.875" style="1" customWidth="1"/>
    <col min="14" max="14" width="15" style="1" customWidth="1"/>
    <col min="15" max="15" width="21" style="1" customWidth="1"/>
    <col min="16" max="16" width="4.875" style="1" customWidth="1"/>
    <col min="17" max="18" width="8.5" style="1" customWidth="1"/>
    <col min="19" max="19" width="20.25" style="1" customWidth="1"/>
    <col min="20" max="20" width="14.875" style="1" customWidth="1"/>
    <col min="21" max="21" width="20.625" style="1" customWidth="1"/>
    <col min="22" max="22" width="8.5" style="1" customWidth="1"/>
    <col min="23" max="24" width="14.375" style="1" customWidth="1"/>
    <col min="25" max="25" width="14.125" style="1" bestFit="1" customWidth="1"/>
    <col min="26" max="26" width="20.625" style="1" customWidth="1"/>
    <col min="27" max="29" width="13.375" style="1" bestFit="1" customWidth="1"/>
    <col min="30" max="30" width="20.625" style="1" customWidth="1"/>
    <col min="31" max="32" width="17.25" style="1" bestFit="1" customWidth="1"/>
    <col min="33" max="33" width="18.25" style="1" bestFit="1" customWidth="1"/>
    <col min="34" max="34" width="32.375" style="1" customWidth="1"/>
    <col min="35" max="35" width="90.625" style="1" customWidth="1"/>
    <col min="36" max="36" width="91" style="1" customWidth="1"/>
    <col min="37" max="37" width="4.875" style="1" bestFit="1" customWidth="1"/>
    <col min="38" max="38" width="15.375" style="1" bestFit="1" customWidth="1"/>
    <col min="39" max="39" width="4.875" style="1" bestFit="1" customWidth="1"/>
  </cols>
  <sheetData>
    <row r="1" spans="1:39" x14ac:dyDescent="0.4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2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2" t="s">
        <v>12</v>
      </c>
      <c r="N1" s="3" t="s">
        <v>13</v>
      </c>
      <c r="O1" s="3" t="s">
        <v>14</v>
      </c>
      <c r="P1" s="2" t="s">
        <v>15</v>
      </c>
      <c r="Q1" s="3" t="s">
        <v>16</v>
      </c>
      <c r="R1" s="2" t="s">
        <v>17</v>
      </c>
      <c r="S1" s="2" t="s">
        <v>18</v>
      </c>
      <c r="T1" s="2" t="s">
        <v>19</v>
      </c>
      <c r="U1" s="2" t="s">
        <v>20</v>
      </c>
      <c r="V1" s="2" t="s">
        <v>21</v>
      </c>
      <c r="W1" s="3" t="s">
        <v>22</v>
      </c>
      <c r="X1" s="2" t="s">
        <v>23</v>
      </c>
      <c r="Y1" s="3" t="s">
        <v>24</v>
      </c>
      <c r="Z1" s="3" t="s">
        <v>25</v>
      </c>
      <c r="AA1" s="3" t="s">
        <v>26</v>
      </c>
      <c r="AB1" s="3" t="s">
        <v>27</v>
      </c>
      <c r="AC1" s="3" t="s">
        <v>28</v>
      </c>
      <c r="AD1" s="3" t="s">
        <v>29</v>
      </c>
      <c r="AE1" s="3" t="s">
        <v>30</v>
      </c>
      <c r="AF1" s="3" t="s">
        <v>31</v>
      </c>
      <c r="AG1" s="3" t="s">
        <v>32</v>
      </c>
      <c r="AH1" s="3" t="s">
        <v>33</v>
      </c>
      <c r="AI1" s="3" t="s">
        <v>34</v>
      </c>
      <c r="AJ1" s="7" t="s">
        <v>35</v>
      </c>
      <c r="AK1" s="3" t="s">
        <v>36</v>
      </c>
      <c r="AL1" s="3" t="s">
        <v>37</v>
      </c>
      <c r="AM1" s="2" t="s">
        <v>38</v>
      </c>
    </row>
    <row r="2" spans="1:39" ht="56.1" customHeight="1" x14ac:dyDescent="0.4">
      <c r="A2" s="1" t="s">
        <v>64</v>
      </c>
      <c r="C2" s="1" t="s">
        <v>39</v>
      </c>
      <c r="D2" s="1" t="s">
        <v>66</v>
      </c>
      <c r="E2" s="4" t="s">
        <v>85</v>
      </c>
      <c r="F2" s="1" t="s">
        <v>189</v>
      </c>
      <c r="H2" s="1" t="s">
        <v>191</v>
      </c>
      <c r="I2" s="1" t="s">
        <v>60</v>
      </c>
      <c r="J2" s="1" t="s">
        <v>61</v>
      </c>
      <c r="K2" s="1" t="s">
        <v>101</v>
      </c>
      <c r="L2" s="1" t="s">
        <v>190</v>
      </c>
      <c r="N2" s="1" t="s">
        <v>173</v>
      </c>
      <c r="O2" s="1" t="s">
        <v>174</v>
      </c>
      <c r="Q2" s="1" t="s">
        <v>121</v>
      </c>
      <c r="W2" s="1" t="s">
        <v>59</v>
      </c>
      <c r="X2" s="1" t="s">
        <v>63</v>
      </c>
      <c r="Y2" s="1" t="s">
        <v>116</v>
      </c>
      <c r="Z2" s="1" t="s">
        <v>140</v>
      </c>
      <c r="AB2" s="1" t="s">
        <v>141</v>
      </c>
      <c r="AD2" s="1" t="s">
        <v>142</v>
      </c>
      <c r="AE2" s="1" t="s">
        <v>140</v>
      </c>
      <c r="AG2" s="1" t="s">
        <v>151</v>
      </c>
      <c r="AH2" s="1" t="s">
        <v>231</v>
      </c>
      <c r="AI2" s="13" t="s">
        <v>246</v>
      </c>
      <c r="AJ2" s="8"/>
    </row>
    <row r="3" spans="1:39" ht="56.1" customHeight="1" x14ac:dyDescent="0.4">
      <c r="A3" s="1" t="s">
        <v>65</v>
      </c>
      <c r="C3" s="1" t="s">
        <v>40</v>
      </c>
      <c r="D3" s="1" t="s">
        <v>67</v>
      </c>
      <c r="E3" t="s">
        <v>86</v>
      </c>
      <c r="F3" s="1" t="s">
        <v>189</v>
      </c>
      <c r="H3" s="1" t="s">
        <v>193</v>
      </c>
      <c r="I3" s="1" t="s">
        <v>60</v>
      </c>
      <c r="J3" s="1" t="s">
        <v>61</v>
      </c>
      <c r="K3" s="1" t="s">
        <v>102</v>
      </c>
      <c r="L3" s="1" t="s">
        <v>192</v>
      </c>
      <c r="N3" s="1" t="s">
        <v>175</v>
      </c>
      <c r="O3" s="1" t="s">
        <v>176</v>
      </c>
      <c r="Q3" s="1" t="s">
        <v>122</v>
      </c>
      <c r="W3" s="1" t="s">
        <v>62</v>
      </c>
      <c r="X3" s="1" t="s">
        <v>63</v>
      </c>
      <c r="Y3" s="1" t="s">
        <v>143</v>
      </c>
      <c r="AB3" s="1" t="s">
        <v>143</v>
      </c>
      <c r="AD3" s="1" t="s">
        <v>144</v>
      </c>
      <c r="AE3" s="1" t="s">
        <v>116</v>
      </c>
      <c r="AG3" s="1" t="s">
        <v>149</v>
      </c>
      <c r="AH3" s="1" t="s">
        <v>232</v>
      </c>
      <c r="AI3" s="13" t="s">
        <v>247</v>
      </c>
      <c r="AJ3" s="8"/>
    </row>
    <row r="4" spans="1:39" s="4" customFormat="1" ht="56.1" customHeight="1" x14ac:dyDescent="0.4">
      <c r="A4" s="5" t="s">
        <v>65</v>
      </c>
      <c r="B4" s="5"/>
      <c r="C4" s="5" t="s">
        <v>41</v>
      </c>
      <c r="D4" s="5" t="s">
        <v>68</v>
      </c>
      <c r="E4" s="4" t="s">
        <v>97</v>
      </c>
      <c r="F4" s="1" t="s">
        <v>189</v>
      </c>
      <c r="G4" s="5"/>
      <c r="H4" s="1" t="s">
        <v>262</v>
      </c>
      <c r="I4" s="5" t="s">
        <v>60</v>
      </c>
      <c r="J4" s="5" t="s">
        <v>61</v>
      </c>
      <c r="K4" s="5" t="s">
        <v>103</v>
      </c>
      <c r="L4" s="5" t="s">
        <v>194</v>
      </c>
      <c r="M4" s="5"/>
      <c r="N4" s="5" t="s">
        <v>177</v>
      </c>
      <c r="O4" s="5" t="s">
        <v>178</v>
      </c>
      <c r="P4" s="5"/>
      <c r="Q4" s="5" t="s">
        <v>123</v>
      </c>
      <c r="R4" s="5"/>
      <c r="S4" s="5"/>
      <c r="T4" s="5"/>
      <c r="U4" s="5"/>
      <c r="V4" s="5"/>
      <c r="W4" s="5" t="s">
        <v>58</v>
      </c>
      <c r="X4" s="5" t="s">
        <v>63</v>
      </c>
      <c r="Y4" s="5" t="s">
        <v>144</v>
      </c>
      <c r="Z4" s="5" t="s">
        <v>142</v>
      </c>
      <c r="AA4" s="5"/>
      <c r="AB4" s="5" t="s">
        <v>116</v>
      </c>
      <c r="AC4" s="5"/>
      <c r="AD4" s="5" t="s">
        <v>116</v>
      </c>
      <c r="AE4" s="5" t="s">
        <v>140</v>
      </c>
      <c r="AF4" s="5"/>
      <c r="AG4" s="5" t="s">
        <v>143</v>
      </c>
      <c r="AH4" s="5" t="s">
        <v>233</v>
      </c>
      <c r="AI4" s="14" t="s">
        <v>248</v>
      </c>
      <c r="AJ4" s="8"/>
      <c r="AK4" s="5"/>
      <c r="AL4" s="5"/>
      <c r="AM4" s="5"/>
    </row>
    <row r="5" spans="1:39" ht="56.1" customHeight="1" x14ac:dyDescent="0.4">
      <c r="A5" s="1" t="s">
        <v>58</v>
      </c>
      <c r="C5" s="1" t="s">
        <v>42</v>
      </c>
      <c r="D5" s="1" t="s">
        <v>69</v>
      </c>
      <c r="E5" t="s">
        <v>87</v>
      </c>
      <c r="F5" s="1" t="s">
        <v>189</v>
      </c>
      <c r="H5" s="1" t="s">
        <v>196</v>
      </c>
      <c r="I5" s="1" t="s">
        <v>60</v>
      </c>
      <c r="J5" s="1" t="s">
        <v>61</v>
      </c>
      <c r="K5" s="1" t="s">
        <v>104</v>
      </c>
      <c r="L5" s="1" t="s">
        <v>195</v>
      </c>
      <c r="N5" s="1" t="s">
        <v>179</v>
      </c>
      <c r="O5" s="1" t="s">
        <v>180</v>
      </c>
      <c r="Q5" s="1" t="s">
        <v>124</v>
      </c>
      <c r="W5" s="1" t="s">
        <v>58</v>
      </c>
      <c r="X5" s="1" t="s">
        <v>63</v>
      </c>
      <c r="Y5" s="1" t="s">
        <v>116</v>
      </c>
      <c r="Z5" s="1" t="s">
        <v>116</v>
      </c>
      <c r="AB5" s="1" t="s">
        <v>116</v>
      </c>
      <c r="AD5" s="1" t="s">
        <v>143</v>
      </c>
      <c r="AE5" s="1" t="s">
        <v>145</v>
      </c>
      <c r="AG5" s="1" t="s">
        <v>116</v>
      </c>
      <c r="AH5" s="1" t="s">
        <v>234</v>
      </c>
      <c r="AI5" s="13" t="s">
        <v>249</v>
      </c>
      <c r="AJ5" s="8"/>
    </row>
    <row r="6" spans="1:39" ht="56.1" customHeight="1" x14ac:dyDescent="0.4">
      <c r="A6" s="1" t="s">
        <v>58</v>
      </c>
      <c r="C6" s="1" t="s">
        <v>43</v>
      </c>
      <c r="D6" s="1" t="s">
        <v>70</v>
      </c>
      <c r="E6" t="s">
        <v>88</v>
      </c>
      <c r="F6" s="1" t="s">
        <v>189</v>
      </c>
      <c r="H6" s="1" t="s">
        <v>198</v>
      </c>
      <c r="I6" s="1" t="s">
        <v>60</v>
      </c>
      <c r="J6" s="1" t="s">
        <v>61</v>
      </c>
      <c r="K6" s="1" t="s">
        <v>105</v>
      </c>
      <c r="L6" s="1" t="s">
        <v>197</v>
      </c>
      <c r="N6" s="1" t="s">
        <v>181</v>
      </c>
      <c r="O6" s="1" t="s">
        <v>182</v>
      </c>
      <c r="Q6" s="1" t="s">
        <v>125</v>
      </c>
      <c r="W6" s="1" t="s">
        <v>58</v>
      </c>
      <c r="X6" s="1" t="s">
        <v>63</v>
      </c>
      <c r="Y6" s="1" t="s">
        <v>116</v>
      </c>
      <c r="Z6" s="1" t="s">
        <v>143</v>
      </c>
      <c r="AB6" s="1" t="s">
        <v>143</v>
      </c>
      <c r="AD6" s="1" t="s">
        <v>116</v>
      </c>
      <c r="AE6" s="1" t="s">
        <v>116</v>
      </c>
      <c r="AG6" s="1" t="s">
        <v>116</v>
      </c>
      <c r="AH6" s="1" t="s">
        <v>235</v>
      </c>
      <c r="AI6" s="13" t="s">
        <v>250</v>
      </c>
      <c r="AJ6" s="8"/>
    </row>
    <row r="7" spans="1:39" ht="56.1" customHeight="1" x14ac:dyDescent="0.4">
      <c r="A7" s="1" t="s">
        <v>58</v>
      </c>
      <c r="C7" s="1" t="s">
        <v>44</v>
      </c>
      <c r="D7" s="1" t="s">
        <v>71</v>
      </c>
      <c r="E7" t="s">
        <v>89</v>
      </c>
      <c r="F7" s="1" t="s">
        <v>189</v>
      </c>
      <c r="H7" s="1" t="s">
        <v>200</v>
      </c>
      <c r="I7" s="1" t="s">
        <v>60</v>
      </c>
      <c r="J7" s="1" t="s">
        <v>61</v>
      </c>
      <c r="K7" s="1" t="s">
        <v>106</v>
      </c>
      <c r="L7" s="1" t="s">
        <v>199</v>
      </c>
      <c r="N7" s="1" t="s">
        <v>183</v>
      </c>
      <c r="O7" s="1" t="s">
        <v>184</v>
      </c>
      <c r="Q7" s="1" t="s">
        <v>126</v>
      </c>
      <c r="W7" s="1" t="s">
        <v>58</v>
      </c>
      <c r="X7" s="1" t="s">
        <v>63</v>
      </c>
      <c r="AB7" s="1" t="s">
        <v>116</v>
      </c>
      <c r="AD7" s="1" t="s">
        <v>145</v>
      </c>
      <c r="AH7" s="1" t="s">
        <v>236</v>
      </c>
      <c r="AI7" s="13" t="s">
        <v>251</v>
      </c>
      <c r="AJ7" s="8"/>
    </row>
    <row r="8" spans="1:39" ht="56.1" customHeight="1" x14ac:dyDescent="0.4">
      <c r="A8" s="1" t="s">
        <v>58</v>
      </c>
      <c r="C8" s="1" t="s">
        <v>45</v>
      </c>
      <c r="D8" s="1" t="s">
        <v>72</v>
      </c>
      <c r="E8" t="s">
        <v>90</v>
      </c>
      <c r="F8" s="1" t="s">
        <v>189</v>
      </c>
      <c r="H8" s="1" t="s">
        <v>202</v>
      </c>
      <c r="I8" s="1" t="s">
        <v>60</v>
      </c>
      <c r="J8" s="1" t="s">
        <v>61</v>
      </c>
      <c r="K8" s="1" t="s">
        <v>107</v>
      </c>
      <c r="L8" s="1" t="s">
        <v>201</v>
      </c>
      <c r="N8" s="1">
        <v>34.811846120685701</v>
      </c>
      <c r="O8" s="1">
        <v>135.78569897915</v>
      </c>
      <c r="Q8" s="1" t="s">
        <v>127</v>
      </c>
      <c r="W8" s="1" t="s">
        <v>58</v>
      </c>
      <c r="X8" s="1" t="s">
        <v>63</v>
      </c>
      <c r="AB8" s="1" t="s">
        <v>142</v>
      </c>
      <c r="AD8" s="1" t="s">
        <v>143</v>
      </c>
      <c r="AH8" s="1" t="s">
        <v>237</v>
      </c>
      <c r="AI8" s="13" t="s">
        <v>252</v>
      </c>
      <c r="AJ8" s="10"/>
    </row>
    <row r="9" spans="1:39" ht="56.1" customHeight="1" x14ac:dyDescent="0.4">
      <c r="A9" s="1" t="s">
        <v>58</v>
      </c>
      <c r="C9" s="1" t="s">
        <v>46</v>
      </c>
      <c r="D9" s="1" t="s">
        <v>73</v>
      </c>
      <c r="E9" t="s">
        <v>230</v>
      </c>
      <c r="F9" s="1" t="s">
        <v>189</v>
      </c>
      <c r="H9" s="1" t="s">
        <v>204</v>
      </c>
      <c r="I9" s="1" t="s">
        <v>60</v>
      </c>
      <c r="J9" s="1" t="s">
        <v>61</v>
      </c>
      <c r="K9" s="1" t="s">
        <v>108</v>
      </c>
      <c r="L9" s="1" t="s">
        <v>203</v>
      </c>
      <c r="N9" s="1" t="s">
        <v>185</v>
      </c>
      <c r="O9" s="1" t="s">
        <v>186</v>
      </c>
      <c r="Q9" s="1" t="s">
        <v>128</v>
      </c>
      <c r="W9" s="1" t="s">
        <v>58</v>
      </c>
      <c r="X9" s="1" t="s">
        <v>63</v>
      </c>
      <c r="Y9" s="1" t="s">
        <v>146</v>
      </c>
      <c r="Z9" s="1" t="s">
        <v>147</v>
      </c>
      <c r="AB9" s="1" t="s">
        <v>140</v>
      </c>
      <c r="AD9" s="1" t="s">
        <v>116</v>
      </c>
      <c r="AE9" s="1" t="s">
        <v>116</v>
      </c>
      <c r="AG9" s="1" t="s">
        <v>116</v>
      </c>
      <c r="AH9" s="1" t="s">
        <v>238</v>
      </c>
      <c r="AI9" s="13" t="s">
        <v>253</v>
      </c>
      <c r="AJ9" s="10"/>
    </row>
    <row r="10" spans="1:39" ht="56.1" customHeight="1" x14ac:dyDescent="0.4">
      <c r="A10" s="1" t="s">
        <v>58</v>
      </c>
      <c r="C10" s="1" t="s">
        <v>47</v>
      </c>
      <c r="D10" s="1" t="s">
        <v>74</v>
      </c>
      <c r="E10" t="s">
        <v>91</v>
      </c>
      <c r="F10" s="1" t="s">
        <v>189</v>
      </c>
      <c r="H10" s="1" t="s">
        <v>206</v>
      </c>
      <c r="I10" s="1" t="s">
        <v>60</v>
      </c>
      <c r="J10" s="1" t="s">
        <v>61</v>
      </c>
      <c r="K10" s="1" t="s">
        <v>109</v>
      </c>
      <c r="L10" s="1" t="s">
        <v>205</v>
      </c>
      <c r="N10" s="1" t="s">
        <v>187</v>
      </c>
      <c r="O10" s="1" t="s">
        <v>188</v>
      </c>
      <c r="Q10" s="1" t="s">
        <v>129</v>
      </c>
      <c r="W10" s="1" t="s">
        <v>58</v>
      </c>
      <c r="X10" s="1" t="s">
        <v>63</v>
      </c>
      <c r="AB10" s="1" t="s">
        <v>148</v>
      </c>
      <c r="AD10" s="1" t="s">
        <v>143</v>
      </c>
      <c r="AH10" s="1" t="s">
        <v>239</v>
      </c>
      <c r="AI10" s="13" t="s">
        <v>257</v>
      </c>
      <c r="AJ10" s="10"/>
    </row>
    <row r="11" spans="1:39" ht="56.1" customHeight="1" x14ac:dyDescent="0.4">
      <c r="A11" s="1" t="s">
        <v>58</v>
      </c>
      <c r="C11" s="1" t="s">
        <v>48</v>
      </c>
      <c r="D11" s="1" t="s">
        <v>75</v>
      </c>
      <c r="E11" t="s">
        <v>92</v>
      </c>
      <c r="F11" s="1" t="s">
        <v>189</v>
      </c>
      <c r="H11" s="1" t="s">
        <v>208</v>
      </c>
      <c r="I11" s="1" t="s">
        <v>60</v>
      </c>
      <c r="J11" s="1" t="s">
        <v>61</v>
      </c>
      <c r="K11" s="1" t="s">
        <v>102</v>
      </c>
      <c r="L11" s="1" t="s">
        <v>207</v>
      </c>
      <c r="N11" s="1" t="s">
        <v>153</v>
      </c>
      <c r="O11" s="1" t="s">
        <v>154</v>
      </c>
      <c r="Q11" s="1" t="s">
        <v>130</v>
      </c>
      <c r="W11" s="1" t="s">
        <v>58</v>
      </c>
      <c r="X11" s="1" t="s">
        <v>63</v>
      </c>
      <c r="Y11" s="1" t="s">
        <v>116</v>
      </c>
      <c r="Z11" s="1" t="s">
        <v>143</v>
      </c>
      <c r="AB11" s="1" t="s">
        <v>143</v>
      </c>
      <c r="AD11" s="1" t="s">
        <v>143</v>
      </c>
      <c r="AE11" s="1" t="s">
        <v>143</v>
      </c>
      <c r="AG11" s="1" t="s">
        <v>143</v>
      </c>
      <c r="AH11" s="1" t="s">
        <v>240</v>
      </c>
      <c r="AI11" s="13" t="s">
        <v>254</v>
      </c>
      <c r="AJ11" s="8"/>
    </row>
    <row r="12" spans="1:39" ht="56.1" customHeight="1" x14ac:dyDescent="0.4">
      <c r="A12" s="1" t="s">
        <v>58</v>
      </c>
      <c r="C12" s="1" t="s">
        <v>49</v>
      </c>
      <c r="D12" s="1" t="s">
        <v>76</v>
      </c>
      <c r="E12" s="4" t="s">
        <v>93</v>
      </c>
      <c r="F12" s="1" t="s">
        <v>189</v>
      </c>
      <c r="H12" s="1" t="s">
        <v>210</v>
      </c>
      <c r="I12" s="1" t="s">
        <v>60</v>
      </c>
      <c r="J12" s="1" t="s">
        <v>61</v>
      </c>
      <c r="K12" s="1" t="s">
        <v>110</v>
      </c>
      <c r="L12" s="1" t="s">
        <v>209</v>
      </c>
      <c r="N12" s="1" t="s">
        <v>155</v>
      </c>
      <c r="O12" s="1" t="s">
        <v>156</v>
      </c>
      <c r="Q12" s="1" t="s">
        <v>131</v>
      </c>
      <c r="W12" s="1" t="s">
        <v>58</v>
      </c>
      <c r="X12" s="1" t="s">
        <v>63</v>
      </c>
      <c r="Y12" s="1" t="s">
        <v>149</v>
      </c>
      <c r="AB12" s="1" t="s">
        <v>143</v>
      </c>
      <c r="AD12" s="1" t="s">
        <v>145</v>
      </c>
      <c r="AE12" s="1" t="s">
        <v>143</v>
      </c>
      <c r="AG12" s="1" t="s">
        <v>152</v>
      </c>
      <c r="AH12" s="1" t="s">
        <v>241</v>
      </c>
      <c r="AI12" s="13" t="s">
        <v>255</v>
      </c>
      <c r="AJ12" s="8"/>
    </row>
    <row r="13" spans="1:39" ht="56.1" customHeight="1" x14ac:dyDescent="0.4">
      <c r="A13" s="1" t="s">
        <v>58</v>
      </c>
      <c r="C13" s="1" t="s">
        <v>50</v>
      </c>
      <c r="D13" s="1" t="s">
        <v>77</v>
      </c>
      <c r="E13" t="s">
        <v>94</v>
      </c>
      <c r="F13" s="1" t="s">
        <v>189</v>
      </c>
      <c r="H13" s="1" t="s">
        <v>211</v>
      </c>
      <c r="I13" s="1" t="s">
        <v>60</v>
      </c>
      <c r="J13" s="1" t="s">
        <v>61</v>
      </c>
      <c r="K13" s="1" t="s">
        <v>111</v>
      </c>
      <c r="L13" s="1" t="s">
        <v>117</v>
      </c>
      <c r="N13" s="1" t="s">
        <v>157</v>
      </c>
      <c r="O13" s="1" t="s">
        <v>158</v>
      </c>
      <c r="Q13" s="1" t="s">
        <v>132</v>
      </c>
      <c r="W13" s="1" t="s">
        <v>58</v>
      </c>
      <c r="X13" s="1" t="s">
        <v>63</v>
      </c>
      <c r="AB13" s="1" t="s">
        <v>143</v>
      </c>
      <c r="AD13" s="1" t="s">
        <v>140</v>
      </c>
      <c r="AH13" s="1" t="s">
        <v>242</v>
      </c>
      <c r="AI13" s="13" t="s">
        <v>258</v>
      </c>
      <c r="AJ13" s="8"/>
    </row>
    <row r="14" spans="1:39" ht="56.1" customHeight="1" x14ac:dyDescent="0.4">
      <c r="A14" s="1" t="s">
        <v>58</v>
      </c>
      <c r="C14" s="1" t="s">
        <v>51</v>
      </c>
      <c r="D14" s="1" t="s">
        <v>78</v>
      </c>
      <c r="E14" s="1" t="s">
        <v>98</v>
      </c>
      <c r="F14" s="1" t="s">
        <v>189</v>
      </c>
      <c r="H14" s="1" t="s">
        <v>213</v>
      </c>
      <c r="I14" s="1" t="s">
        <v>60</v>
      </c>
      <c r="J14" s="1" t="s">
        <v>61</v>
      </c>
      <c r="K14" s="1" t="s">
        <v>112</v>
      </c>
      <c r="L14" s="1" t="s">
        <v>212</v>
      </c>
      <c r="N14" s="1" t="s">
        <v>159</v>
      </c>
      <c r="O14" s="1" t="s">
        <v>160</v>
      </c>
      <c r="Q14" s="1" t="s">
        <v>133</v>
      </c>
      <c r="W14" s="1" t="s">
        <v>58</v>
      </c>
      <c r="X14" s="1" t="s">
        <v>63</v>
      </c>
      <c r="AB14" s="1" t="s">
        <v>116</v>
      </c>
      <c r="AD14" s="1" t="s">
        <v>143</v>
      </c>
      <c r="AH14" s="1" t="s">
        <v>243</v>
      </c>
      <c r="AI14" s="13" t="s">
        <v>259</v>
      </c>
      <c r="AJ14" s="6"/>
    </row>
    <row r="15" spans="1:39" ht="56.1" customHeight="1" x14ac:dyDescent="0.4">
      <c r="A15" s="1" t="s">
        <v>58</v>
      </c>
      <c r="C15" s="1" t="s">
        <v>52</v>
      </c>
      <c r="D15" s="1" t="s">
        <v>79</v>
      </c>
      <c r="E15" s="9" t="s">
        <v>99</v>
      </c>
      <c r="F15" s="1" t="s">
        <v>189</v>
      </c>
      <c r="H15" s="1" t="s">
        <v>215</v>
      </c>
      <c r="I15" s="1" t="s">
        <v>60</v>
      </c>
      <c r="J15" s="1" t="s">
        <v>61</v>
      </c>
      <c r="K15" s="1" t="s">
        <v>113</v>
      </c>
      <c r="L15" s="1" t="s">
        <v>214</v>
      </c>
      <c r="N15" s="1" t="s">
        <v>161</v>
      </c>
      <c r="O15" s="1" t="s">
        <v>162</v>
      </c>
      <c r="Q15" s="1" t="s">
        <v>134</v>
      </c>
      <c r="W15" s="1" t="s">
        <v>58</v>
      </c>
      <c r="X15" s="1" t="s">
        <v>63</v>
      </c>
      <c r="Y15" s="1" t="s">
        <v>116</v>
      </c>
      <c r="Z15" s="1" t="s">
        <v>150</v>
      </c>
      <c r="AB15" s="1" t="s">
        <v>143</v>
      </c>
      <c r="AD15" s="1" t="s">
        <v>116</v>
      </c>
      <c r="AE15" s="1" t="s">
        <v>143</v>
      </c>
      <c r="AG15" s="1" t="s">
        <v>145</v>
      </c>
      <c r="AH15" s="1" t="s">
        <v>244</v>
      </c>
      <c r="AI15" s="13" t="s">
        <v>256</v>
      </c>
      <c r="AJ15" s="6"/>
    </row>
    <row r="16" spans="1:39" ht="56.1" customHeight="1" x14ac:dyDescent="0.4">
      <c r="A16" s="1" t="s">
        <v>58</v>
      </c>
      <c r="C16" s="1" t="s">
        <v>53</v>
      </c>
      <c r="D16" s="1" t="s">
        <v>80</v>
      </c>
      <c r="E16" s="5" t="s">
        <v>100</v>
      </c>
      <c r="F16" s="1" t="s">
        <v>189</v>
      </c>
      <c r="H16" s="1" t="s">
        <v>217</v>
      </c>
      <c r="I16" s="1" t="s">
        <v>60</v>
      </c>
      <c r="J16" s="1" t="s">
        <v>61</v>
      </c>
      <c r="K16" s="1" t="s">
        <v>113</v>
      </c>
      <c r="L16" s="1" t="s">
        <v>216</v>
      </c>
      <c r="N16" s="1" t="s">
        <v>163</v>
      </c>
      <c r="O16" s="1" t="s">
        <v>164</v>
      </c>
      <c r="Q16" s="1" t="s">
        <v>135</v>
      </c>
      <c r="W16" s="1" t="s">
        <v>58</v>
      </c>
      <c r="X16" s="1" t="s">
        <v>63</v>
      </c>
      <c r="Y16" s="1" t="s">
        <v>143</v>
      </c>
      <c r="Z16" s="1" t="s">
        <v>116</v>
      </c>
      <c r="AB16" s="1" t="s">
        <v>116</v>
      </c>
      <c r="AD16" s="1" t="s">
        <v>116</v>
      </c>
      <c r="AE16" s="1" t="s">
        <v>116</v>
      </c>
      <c r="AG16" s="1" t="s">
        <v>143</v>
      </c>
      <c r="AH16" s="1" t="s">
        <v>245</v>
      </c>
      <c r="AI16" s="1" t="s">
        <v>260</v>
      </c>
      <c r="AJ16" s="6"/>
    </row>
    <row r="17" spans="1:39" s="4" customFormat="1" ht="56.1" customHeight="1" x14ac:dyDescent="0.4">
      <c r="A17" s="5" t="s">
        <v>58</v>
      </c>
      <c r="B17" s="5"/>
      <c r="C17" s="5" t="s">
        <v>54</v>
      </c>
      <c r="D17" s="5" t="s">
        <v>81</v>
      </c>
      <c r="E17" s="4" t="s">
        <v>95</v>
      </c>
      <c r="F17" s="1" t="s">
        <v>189</v>
      </c>
      <c r="G17" s="5"/>
      <c r="H17" s="1" t="s">
        <v>219</v>
      </c>
      <c r="I17" s="5" t="s">
        <v>60</v>
      </c>
      <c r="J17" s="5" t="s">
        <v>61</v>
      </c>
      <c r="K17" s="5" t="s">
        <v>114</v>
      </c>
      <c r="L17" s="5" t="s">
        <v>218</v>
      </c>
      <c r="M17" s="5"/>
      <c r="N17" s="5" t="s">
        <v>165</v>
      </c>
      <c r="O17" s="5" t="s">
        <v>166</v>
      </c>
      <c r="P17" s="5"/>
      <c r="Q17" s="5" t="s">
        <v>136</v>
      </c>
      <c r="R17" s="5"/>
      <c r="S17" s="5"/>
      <c r="T17" s="5"/>
      <c r="U17" s="5"/>
      <c r="V17" s="5"/>
      <c r="W17" s="5" t="s">
        <v>58</v>
      </c>
      <c r="X17" s="5" t="s">
        <v>63</v>
      </c>
      <c r="Y17" s="5"/>
      <c r="Z17" s="5"/>
      <c r="AA17" s="5"/>
      <c r="AB17" s="5"/>
      <c r="AC17" s="5"/>
      <c r="AD17" s="5"/>
      <c r="AE17" s="5"/>
      <c r="AF17" s="5"/>
      <c r="AG17" s="5"/>
      <c r="AH17" s="5" t="s">
        <v>223</v>
      </c>
      <c r="AI17" s="1" t="s">
        <v>261</v>
      </c>
      <c r="AJ17" s="11"/>
      <c r="AK17" s="5"/>
      <c r="AL17" s="5"/>
      <c r="AM17" s="5"/>
    </row>
    <row r="18" spans="1:39" ht="56.1" customHeight="1" x14ac:dyDescent="0.4">
      <c r="A18" s="1" t="s">
        <v>58</v>
      </c>
      <c r="C18" s="1" t="s">
        <v>55</v>
      </c>
      <c r="D18" s="1" t="s">
        <v>82</v>
      </c>
      <c r="E18" t="s">
        <v>228</v>
      </c>
      <c r="F18" s="1" t="s">
        <v>189</v>
      </c>
      <c r="H18" s="1" t="s">
        <v>220</v>
      </c>
      <c r="I18" s="1" t="s">
        <v>60</v>
      </c>
      <c r="J18" s="1" t="s">
        <v>61</v>
      </c>
      <c r="K18" s="1" t="s">
        <v>107</v>
      </c>
      <c r="L18" s="1" t="s">
        <v>118</v>
      </c>
      <c r="N18" s="1" t="s">
        <v>167</v>
      </c>
      <c r="O18" s="1" t="s">
        <v>168</v>
      </c>
      <c r="Q18" s="1" t="s">
        <v>137</v>
      </c>
      <c r="W18" s="1" t="s">
        <v>58</v>
      </c>
      <c r="X18" s="1" t="s">
        <v>63</v>
      </c>
      <c r="AH18" s="1" t="s">
        <v>224</v>
      </c>
      <c r="AI18" s="1" t="s">
        <v>261</v>
      </c>
      <c r="AJ18" s="12"/>
    </row>
    <row r="19" spans="1:39" ht="56.1" customHeight="1" x14ac:dyDescent="0.4">
      <c r="A19" s="1" t="s">
        <v>227</v>
      </c>
      <c r="C19" s="1" t="s">
        <v>56</v>
      </c>
      <c r="D19" s="1" t="s">
        <v>83</v>
      </c>
      <c r="E19" t="s">
        <v>229</v>
      </c>
      <c r="F19" s="1" t="s">
        <v>189</v>
      </c>
      <c r="H19" s="1" t="s">
        <v>221</v>
      </c>
      <c r="I19" s="1" t="s">
        <v>60</v>
      </c>
      <c r="J19" s="1" t="s">
        <v>61</v>
      </c>
      <c r="K19" s="1" t="s">
        <v>115</v>
      </c>
      <c r="L19" s="1" t="s">
        <v>119</v>
      </c>
      <c r="N19" s="1" t="s">
        <v>169</v>
      </c>
      <c r="O19" s="1" t="s">
        <v>170</v>
      </c>
      <c r="Q19" s="1" t="s">
        <v>138</v>
      </c>
      <c r="W19" s="1" t="s">
        <v>58</v>
      </c>
      <c r="X19" s="1" t="s">
        <v>63</v>
      </c>
      <c r="AH19" s="1" t="s">
        <v>225</v>
      </c>
      <c r="AI19" s="1" t="s">
        <v>261</v>
      </c>
      <c r="AJ19" s="12"/>
    </row>
    <row r="20" spans="1:39" ht="56.1" customHeight="1" x14ac:dyDescent="0.4">
      <c r="A20" s="1" t="s">
        <v>58</v>
      </c>
      <c r="C20" s="1" t="s">
        <v>57</v>
      </c>
      <c r="D20" s="1" t="s">
        <v>84</v>
      </c>
      <c r="E20" t="s">
        <v>96</v>
      </c>
      <c r="F20" s="1" t="s">
        <v>189</v>
      </c>
      <c r="H20" s="1" t="s">
        <v>222</v>
      </c>
      <c r="I20" s="1" t="s">
        <v>60</v>
      </c>
      <c r="J20" s="1" t="s">
        <v>61</v>
      </c>
      <c r="K20" s="1" t="s">
        <v>109</v>
      </c>
      <c r="L20" s="1" t="s">
        <v>120</v>
      </c>
      <c r="N20" s="1" t="s">
        <v>171</v>
      </c>
      <c r="O20" s="1" t="s">
        <v>172</v>
      </c>
      <c r="Q20" s="1" t="s">
        <v>139</v>
      </c>
      <c r="W20" s="1" t="s">
        <v>58</v>
      </c>
      <c r="X20" s="1" t="s">
        <v>63</v>
      </c>
      <c r="AH20" s="1" t="s">
        <v>226</v>
      </c>
      <c r="AI20" s="1" t="s">
        <v>261</v>
      </c>
      <c r="AJ20" s="12"/>
    </row>
    <row r="21" spans="1:39" x14ac:dyDescent="0.4">
      <c r="E21"/>
      <c r="AJ21" s="12"/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指定緊急避難場所一覧_フォーマット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京田辺市役所</cp:lastModifiedBy>
  <cp:lastPrinted>2024-11-22T04:54:01Z</cp:lastPrinted>
  <dcterms:modified xsi:type="dcterms:W3CDTF">2024-12-12T02:31:40Z</dcterms:modified>
</cp:coreProperties>
</file>